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2082\AppData\Local\Microsoft\Windows\INetCache\Content.Outlook\KFWGT85Q\"/>
    </mc:Choice>
  </mc:AlternateContent>
  <xr:revisionPtr revIDLastSave="0" documentId="13_ncr:1_{1C28D998-8B8B-4DE5-8180-A64114463C9E}" xr6:coauthVersionLast="47" xr6:coauthVersionMax="47" xr10:uidLastSave="{00000000-0000-0000-0000-000000000000}"/>
  <bookViews>
    <workbookView xWindow="-108" yWindow="-108" windowWidth="23256" windowHeight="12456" xr2:uid="{532D3A93-2A3C-42B8-BCAD-7B6BC3627076}"/>
  </bookViews>
  <sheets>
    <sheet name="Arkusz1" sheetId="1" r:id="rId1"/>
  </sheets>
  <definedNames>
    <definedName name="_xlnm._FilterDatabase" localSheetId="0" hidden="1">Arkusz1!$A$2:$E$4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" i="1" l="1"/>
</calcChain>
</file>

<file path=xl/sharedStrings.xml><?xml version="1.0" encoding="utf-8"?>
<sst xmlns="http://schemas.openxmlformats.org/spreadsheetml/2006/main" count="103" uniqueCount="57">
  <si>
    <t>Product_Family_Name</t>
  </si>
  <si>
    <t>Item_Name</t>
  </si>
  <si>
    <t>Volume</t>
  </si>
  <si>
    <t>Item_Number</t>
  </si>
  <si>
    <t>VAGGFARG COLOUR</t>
  </si>
  <si>
    <t>VAGGFARG COLOUR AMBER 0.05</t>
  </si>
  <si>
    <t>VAGGFARG COLOUR ANGORA 0.05</t>
  </si>
  <si>
    <t>VAGGFARG COLOUR AQUARIUM 0.05</t>
  </si>
  <si>
    <t>VAGGFARG COLOUR BEACH SAND 0.05</t>
  </si>
  <si>
    <t>VAGGFARG COLOUR BLUE DIAM 0.05</t>
  </si>
  <si>
    <t>VAGGFARG COLOUR BLUE SKY 0.05</t>
  </si>
  <si>
    <t>VAGGFARG COLOUR BOHO WHITE 0,05L</t>
  </si>
  <si>
    <t>VAGGFARG COLOUR BUT.BISCUI 0.05</t>
  </si>
  <si>
    <t>VAGGFARG COLOUR CAMOMILE 0.05</t>
  </si>
  <si>
    <t>VAGGFARG COLOUR CHOC.PUDD 0.05</t>
  </si>
  <si>
    <t>VAGGFARG COLOUR CLARITY 0.05</t>
  </si>
  <si>
    <t>VAGGFARG COLOUR CLASSIC 0.05</t>
  </si>
  <si>
    <t>VAGGFARG COLOUR COSMOS 0.05</t>
  </si>
  <si>
    <t>VAGGFARG COLOUR DESERT ROSE 0.05</t>
  </si>
  <si>
    <t>VAGGFARG COLOUR FREEDOM 0.05</t>
  </si>
  <si>
    <t>VAGGFARG COLOUR FRESH LILA 0.05</t>
  </si>
  <si>
    <t>VAGGFARG COLOUR GREEN CLAY 0,05L</t>
  </si>
  <si>
    <t>VAGGFARG COLOUR GREEN ELIXIR 0,05L</t>
  </si>
  <si>
    <t>VAGGFARG COLOUR GREY SHELL 0.05</t>
  </si>
  <si>
    <t>VAGGFARG COLOUR HANDSOME 0,05L</t>
  </si>
  <si>
    <t>VAGGFARG COLOUR HARMONY 0.05</t>
  </si>
  <si>
    <t>VAGGFARG COLOUR HOT&amp;SPICY 0.05</t>
  </si>
  <si>
    <t>VAGGFARG COLOUR INSPIRATION 0,05L</t>
  </si>
  <si>
    <t>VAGGFARG COLOUR LIGHT BLUSH 0,05L</t>
  </si>
  <si>
    <t>VAGGFARG COLOUR MAGIC ROSE 0.05</t>
  </si>
  <si>
    <t>VAGGFARG COLOUR MELON JUI. 0.05</t>
  </si>
  <si>
    <t>VAGGFARG COLOUR MINERAL 0.05</t>
  </si>
  <si>
    <t>VAGGFARG COLOUR MINT 0.05</t>
  </si>
  <si>
    <t>VAGGFARG COLOUR MISTY GREY 0.05</t>
  </si>
  <si>
    <t>VAGGFARG COLOUR MOONSTONE 0.05</t>
  </si>
  <si>
    <t>VAGGFARG COLOUR MUSTANG 0.05</t>
  </si>
  <si>
    <t>VAGGFARG COLOUR NORTH CALM 0.05</t>
  </si>
  <si>
    <t>VAGGFARG COLOUR OYSTER 0.05</t>
  </si>
  <si>
    <t>VAGGFARG COLOUR PACIFIC 0.05</t>
  </si>
  <si>
    <t>VAGGFARG COLOUR REFLECTION 0,05L</t>
  </si>
  <si>
    <t>VAGGFARG COLOUR ROSEMARY 0.05</t>
  </si>
  <si>
    <t>VAGGFARG COLOUR SAFE SPACE 0,05L</t>
  </si>
  <si>
    <t>VAGGFARG COLOUR SAY YES 0,05L</t>
  </si>
  <si>
    <t>VAGGFARG COLOUR SERENITY 0,05L</t>
  </si>
  <si>
    <t>VAGGFARG COLOUR SMOOTH 0.05</t>
  </si>
  <si>
    <t>VAGGFARG COLOUR SOFT ECRU 0.05</t>
  </si>
  <si>
    <t>VAGGFARG COLOUR STAR DUST 0.05</t>
  </si>
  <si>
    <t>VAGGFARG COLOUR STREAM 0.05</t>
  </si>
  <si>
    <t>VAGGFARG COLOUR SWAN 0.05</t>
  </si>
  <si>
    <t>VAGGFARG COLOUR SWEET CREAM 0.05</t>
  </si>
  <si>
    <t>VAGGFARG COLOUR VAN.MOUSSE 0.05</t>
  </si>
  <si>
    <t>VAGGFARG COLOUR ZEN 0.05</t>
  </si>
  <si>
    <t>sztuki</t>
  </si>
  <si>
    <t>zamówiona Ilość</t>
  </si>
  <si>
    <t>Adres dostawy do szkoły</t>
  </si>
  <si>
    <t>Imię i nazwisko osoby, z którą kurier może się kontaktować</t>
  </si>
  <si>
    <t>telefon do osoby kontaktowej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Aptos Narrow"/>
      <family val="2"/>
      <charset val="238"/>
      <scheme val="minor"/>
    </font>
    <font>
      <b/>
      <sz val="11"/>
      <color theme="1"/>
      <name val="Aptos Narrow"/>
      <family val="2"/>
      <scheme val="minor"/>
    </font>
    <font>
      <b/>
      <sz val="11"/>
      <color rgb="FFFF0000"/>
      <name val="Aptos Narrow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0" fillId="0" borderId="1" xfId="0" applyBorder="1"/>
    <xf numFmtId="0" fontId="2" fillId="3" borderId="1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2" xfId="0" applyBorder="1"/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1" fillId="2" borderId="1" xfId="0" applyFont="1" applyFill="1" applyBorder="1" applyAlignment="1">
      <alignment horizontal="center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BF666E-24AC-4ADB-840C-E69D9D11F2BB}">
  <dimension ref="A1:I49"/>
  <sheetViews>
    <sheetView tabSelected="1" workbookViewId="0">
      <pane ySplit="2" topLeftCell="A3" activePane="bottomLeft" state="frozen"/>
      <selection pane="bottomLeft" activeCell="H11" sqref="H11"/>
    </sheetView>
  </sheetViews>
  <sheetFormatPr defaultRowHeight="14.4" x14ac:dyDescent="0.3"/>
  <cols>
    <col min="1" max="1" width="24.6640625" customWidth="1"/>
    <col min="2" max="2" width="34.21875" bestFit="1" customWidth="1"/>
    <col min="3" max="3" width="12.88671875" customWidth="1"/>
    <col min="4" max="4" width="16.77734375" customWidth="1"/>
    <col min="5" max="5" width="13.21875" customWidth="1"/>
    <col min="6" max="6" width="19.33203125" customWidth="1"/>
    <col min="7" max="7" width="34.77734375" customWidth="1"/>
    <col min="8" max="8" width="23.21875" customWidth="1"/>
    <col min="9" max="9" width="19.6640625" customWidth="1"/>
  </cols>
  <sheetData>
    <row r="1" spans="1:9" x14ac:dyDescent="0.3">
      <c r="F1" s="2">
        <f>SUBTOTAL(9,F3:F49)</f>
        <v>0</v>
      </c>
    </row>
    <row r="2" spans="1:9" s="4" customFormat="1" ht="46.8" customHeight="1" x14ac:dyDescent="0.3">
      <c r="A2" s="8" t="s">
        <v>0</v>
      </c>
      <c r="B2" s="8" t="s">
        <v>1</v>
      </c>
      <c r="C2" s="8" t="s">
        <v>2</v>
      </c>
      <c r="D2" s="8" t="s">
        <v>3</v>
      </c>
      <c r="E2" s="8" t="s">
        <v>52</v>
      </c>
      <c r="F2" s="3" t="s">
        <v>53</v>
      </c>
      <c r="G2" s="3" t="s">
        <v>54</v>
      </c>
      <c r="H2" s="3" t="s">
        <v>55</v>
      </c>
      <c r="I2" s="3" t="s">
        <v>56</v>
      </c>
    </row>
    <row r="3" spans="1:9" x14ac:dyDescent="0.3">
      <c r="A3" s="1" t="s">
        <v>4</v>
      </c>
      <c r="B3" s="1" t="s">
        <v>5</v>
      </c>
      <c r="C3" s="1">
        <v>0.05</v>
      </c>
      <c r="D3" s="1">
        <v>456988</v>
      </c>
      <c r="E3" s="1">
        <v>1079</v>
      </c>
      <c r="F3" s="5"/>
      <c r="G3" s="6"/>
      <c r="H3" s="6"/>
      <c r="I3" s="6"/>
    </row>
    <row r="4" spans="1:9" x14ac:dyDescent="0.3">
      <c r="A4" s="1" t="s">
        <v>4</v>
      </c>
      <c r="B4" s="1" t="s">
        <v>6</v>
      </c>
      <c r="C4" s="1">
        <v>0.05</v>
      </c>
      <c r="D4" s="1">
        <v>456990</v>
      </c>
      <c r="E4" s="1">
        <v>1405</v>
      </c>
      <c r="F4" s="5"/>
      <c r="G4" s="6"/>
      <c r="H4" s="6"/>
      <c r="I4" s="6"/>
    </row>
    <row r="5" spans="1:9" x14ac:dyDescent="0.3">
      <c r="A5" s="1" t="s">
        <v>4</v>
      </c>
      <c r="B5" s="1" t="s">
        <v>7</v>
      </c>
      <c r="C5" s="1">
        <v>0.05</v>
      </c>
      <c r="D5" s="1">
        <v>456992</v>
      </c>
      <c r="E5" s="1">
        <v>1315</v>
      </c>
      <c r="F5" s="5"/>
      <c r="G5" s="6"/>
      <c r="H5" s="6"/>
      <c r="I5" s="6"/>
    </row>
    <row r="6" spans="1:9" ht="15" thickBot="1" x14ac:dyDescent="0.35">
      <c r="A6" s="1" t="s">
        <v>4</v>
      </c>
      <c r="B6" s="1" t="s">
        <v>8</v>
      </c>
      <c r="C6" s="1">
        <v>0.05</v>
      </c>
      <c r="D6" s="1">
        <v>456994</v>
      </c>
      <c r="E6" s="1">
        <v>1255</v>
      </c>
      <c r="F6" s="5"/>
      <c r="G6" s="7"/>
      <c r="H6" s="7"/>
      <c r="I6" s="7"/>
    </row>
    <row r="7" spans="1:9" x14ac:dyDescent="0.3">
      <c r="A7" s="1" t="s">
        <v>4</v>
      </c>
      <c r="B7" s="1" t="s">
        <v>9</v>
      </c>
      <c r="C7" s="1">
        <v>0.05</v>
      </c>
      <c r="D7" s="1">
        <v>456996</v>
      </c>
      <c r="E7" s="1">
        <v>1400</v>
      </c>
      <c r="F7" s="1"/>
    </row>
    <row r="8" spans="1:9" x14ac:dyDescent="0.3">
      <c r="A8" s="1" t="s">
        <v>4</v>
      </c>
      <c r="B8" s="1" t="s">
        <v>10</v>
      </c>
      <c r="C8" s="1">
        <v>0.05</v>
      </c>
      <c r="D8" s="1">
        <v>456998</v>
      </c>
      <c r="E8" s="1">
        <v>1045</v>
      </c>
      <c r="F8" s="1"/>
    </row>
    <row r="9" spans="1:9" x14ac:dyDescent="0.3">
      <c r="A9" s="1" t="s">
        <v>4</v>
      </c>
      <c r="B9" s="1" t="s">
        <v>11</v>
      </c>
      <c r="C9" s="1">
        <v>0.05</v>
      </c>
      <c r="D9" s="1">
        <v>457001</v>
      </c>
      <c r="E9" s="1">
        <v>152</v>
      </c>
      <c r="F9" s="1"/>
    </row>
    <row r="10" spans="1:9" x14ac:dyDescent="0.3">
      <c r="A10" s="1" t="s">
        <v>4</v>
      </c>
      <c r="B10" s="1" t="s">
        <v>12</v>
      </c>
      <c r="C10" s="1">
        <v>0.05</v>
      </c>
      <c r="D10" s="1">
        <v>457005</v>
      </c>
      <c r="E10" s="1">
        <v>420</v>
      </c>
      <c r="F10" s="1"/>
    </row>
    <row r="11" spans="1:9" x14ac:dyDescent="0.3">
      <c r="A11" s="1" t="s">
        <v>4</v>
      </c>
      <c r="B11" s="1" t="s">
        <v>13</v>
      </c>
      <c r="C11" s="1">
        <v>0.05</v>
      </c>
      <c r="D11" s="1">
        <v>457012</v>
      </c>
      <c r="E11" s="1">
        <v>1643</v>
      </c>
      <c r="F11" s="1"/>
    </row>
    <row r="12" spans="1:9" x14ac:dyDescent="0.3">
      <c r="A12" s="1" t="s">
        <v>4</v>
      </c>
      <c r="B12" s="1" t="s">
        <v>14</v>
      </c>
      <c r="C12" s="1">
        <v>0.05</v>
      </c>
      <c r="D12" s="1">
        <v>457021</v>
      </c>
      <c r="E12" s="1">
        <v>946</v>
      </c>
      <c r="F12" s="1"/>
    </row>
    <row r="13" spans="1:9" x14ac:dyDescent="0.3">
      <c r="A13" s="1" t="s">
        <v>4</v>
      </c>
      <c r="B13" s="1" t="s">
        <v>15</v>
      </c>
      <c r="C13" s="1">
        <v>0.05</v>
      </c>
      <c r="D13" s="1">
        <v>457022</v>
      </c>
      <c r="E13" s="1">
        <v>885</v>
      </c>
      <c r="F13" s="1"/>
    </row>
    <row r="14" spans="1:9" x14ac:dyDescent="0.3">
      <c r="A14" s="1" t="s">
        <v>4</v>
      </c>
      <c r="B14" s="1" t="s">
        <v>16</v>
      </c>
      <c r="C14" s="1">
        <v>0.05</v>
      </c>
      <c r="D14" s="1">
        <v>457024</v>
      </c>
      <c r="E14" s="1">
        <v>2200</v>
      </c>
      <c r="F14" s="1"/>
    </row>
    <row r="15" spans="1:9" x14ac:dyDescent="0.3">
      <c r="A15" s="1" t="s">
        <v>4</v>
      </c>
      <c r="B15" s="1" t="s">
        <v>17</v>
      </c>
      <c r="C15" s="1">
        <v>0.05</v>
      </c>
      <c r="D15" s="1">
        <v>457026</v>
      </c>
      <c r="E15" s="1">
        <v>1153</v>
      </c>
      <c r="F15" s="1"/>
    </row>
    <row r="16" spans="1:9" x14ac:dyDescent="0.3">
      <c r="A16" s="1" t="s">
        <v>4</v>
      </c>
      <c r="B16" s="1" t="s">
        <v>18</v>
      </c>
      <c r="C16" s="1">
        <v>0.05</v>
      </c>
      <c r="D16" s="1">
        <v>457028</v>
      </c>
      <c r="E16" s="1">
        <v>905</v>
      </c>
      <c r="F16" s="1"/>
    </row>
    <row r="17" spans="1:6" x14ac:dyDescent="0.3">
      <c r="A17" s="1" t="s">
        <v>4</v>
      </c>
      <c r="B17" s="1" t="s">
        <v>19</v>
      </c>
      <c r="C17" s="1">
        <v>0.05</v>
      </c>
      <c r="D17" s="1">
        <v>457035</v>
      </c>
      <c r="E17" s="1">
        <v>1625</v>
      </c>
      <c r="F17" s="1"/>
    </row>
    <row r="18" spans="1:6" x14ac:dyDescent="0.3">
      <c r="A18" s="1" t="s">
        <v>4</v>
      </c>
      <c r="B18" s="1" t="s">
        <v>20</v>
      </c>
      <c r="C18" s="1">
        <v>0.05</v>
      </c>
      <c r="D18" s="1">
        <v>457038</v>
      </c>
      <c r="E18" s="1">
        <v>2235</v>
      </c>
      <c r="F18" s="1"/>
    </row>
    <row r="19" spans="1:6" x14ac:dyDescent="0.3">
      <c r="A19" s="1" t="s">
        <v>4</v>
      </c>
      <c r="B19" s="1" t="s">
        <v>21</v>
      </c>
      <c r="C19" s="1">
        <v>0.05</v>
      </c>
      <c r="D19" s="1">
        <v>468984</v>
      </c>
      <c r="E19" s="1">
        <v>760</v>
      </c>
      <c r="F19" s="1"/>
    </row>
    <row r="20" spans="1:6" x14ac:dyDescent="0.3">
      <c r="A20" s="1" t="s">
        <v>4</v>
      </c>
      <c r="B20" s="1" t="s">
        <v>22</v>
      </c>
      <c r="C20" s="1">
        <v>0.05</v>
      </c>
      <c r="D20" s="1">
        <v>457041</v>
      </c>
      <c r="E20" s="1">
        <v>873</v>
      </c>
      <c r="F20" s="1"/>
    </row>
    <row r="21" spans="1:6" x14ac:dyDescent="0.3">
      <c r="A21" s="1" t="s">
        <v>4</v>
      </c>
      <c r="B21" s="1" t="s">
        <v>23</v>
      </c>
      <c r="C21" s="1">
        <v>0.05</v>
      </c>
      <c r="D21" s="1">
        <v>457044</v>
      </c>
      <c r="E21" s="1">
        <v>1598</v>
      </c>
      <c r="F21" s="1"/>
    </row>
    <row r="22" spans="1:6" x14ac:dyDescent="0.3">
      <c r="A22" s="1" t="s">
        <v>4</v>
      </c>
      <c r="B22" s="1" t="s">
        <v>24</v>
      </c>
      <c r="C22" s="1">
        <v>0.05</v>
      </c>
      <c r="D22" s="1">
        <v>468983</v>
      </c>
      <c r="E22" s="1">
        <v>6585</v>
      </c>
      <c r="F22" s="1"/>
    </row>
    <row r="23" spans="1:6" x14ac:dyDescent="0.3">
      <c r="A23" s="1" t="s">
        <v>4</v>
      </c>
      <c r="B23" s="1" t="s">
        <v>25</v>
      </c>
      <c r="C23" s="1">
        <v>0.05</v>
      </c>
      <c r="D23" s="1">
        <v>457046</v>
      </c>
      <c r="E23" s="1">
        <v>2698</v>
      </c>
      <c r="F23" s="1"/>
    </row>
    <row r="24" spans="1:6" x14ac:dyDescent="0.3">
      <c r="A24" s="1" t="s">
        <v>4</v>
      </c>
      <c r="B24" s="1" t="s">
        <v>26</v>
      </c>
      <c r="C24" s="1">
        <v>0.05</v>
      </c>
      <c r="D24" s="1">
        <v>457048</v>
      </c>
      <c r="E24" s="1">
        <v>792</v>
      </c>
      <c r="F24" s="1"/>
    </row>
    <row r="25" spans="1:6" x14ac:dyDescent="0.3">
      <c r="A25" s="1" t="s">
        <v>4</v>
      </c>
      <c r="B25" s="1" t="s">
        <v>27</v>
      </c>
      <c r="C25" s="1">
        <v>0.05</v>
      </c>
      <c r="D25" s="1">
        <v>457050</v>
      </c>
      <c r="E25" s="1">
        <v>1077</v>
      </c>
      <c r="F25" s="1"/>
    </row>
    <row r="26" spans="1:6" x14ac:dyDescent="0.3">
      <c r="A26" s="1" t="s">
        <v>4</v>
      </c>
      <c r="B26" s="1" t="s">
        <v>28</v>
      </c>
      <c r="C26" s="1">
        <v>0.05</v>
      </c>
      <c r="D26" s="1">
        <v>468992</v>
      </c>
      <c r="E26" s="1">
        <v>1659</v>
      </c>
      <c r="F26" s="1"/>
    </row>
    <row r="27" spans="1:6" x14ac:dyDescent="0.3">
      <c r="A27" s="1" t="s">
        <v>4</v>
      </c>
      <c r="B27" s="1" t="s">
        <v>29</v>
      </c>
      <c r="C27" s="1">
        <v>0.05</v>
      </c>
      <c r="D27" s="1">
        <v>457053</v>
      </c>
      <c r="E27" s="1">
        <v>6592</v>
      </c>
      <c r="F27" s="1"/>
    </row>
    <row r="28" spans="1:6" x14ac:dyDescent="0.3">
      <c r="A28" s="1" t="s">
        <v>4</v>
      </c>
      <c r="B28" s="1" t="s">
        <v>30</v>
      </c>
      <c r="C28" s="1">
        <v>0.05</v>
      </c>
      <c r="D28" s="1">
        <v>457055</v>
      </c>
      <c r="E28" s="1">
        <v>2583</v>
      </c>
      <c r="F28" s="1"/>
    </row>
    <row r="29" spans="1:6" x14ac:dyDescent="0.3">
      <c r="A29" s="1" t="s">
        <v>4</v>
      </c>
      <c r="B29" s="1" t="s">
        <v>31</v>
      </c>
      <c r="C29" s="1">
        <v>0.05</v>
      </c>
      <c r="D29" s="1">
        <v>457058</v>
      </c>
      <c r="E29" s="1">
        <v>879</v>
      </c>
      <c r="F29" s="1"/>
    </row>
    <row r="30" spans="1:6" x14ac:dyDescent="0.3">
      <c r="A30" s="1" t="s">
        <v>4</v>
      </c>
      <c r="B30" s="1" t="s">
        <v>32</v>
      </c>
      <c r="C30" s="1">
        <v>0.05</v>
      </c>
      <c r="D30" s="1">
        <v>457060</v>
      </c>
      <c r="E30" s="1">
        <v>6358</v>
      </c>
      <c r="F30" s="1"/>
    </row>
    <row r="31" spans="1:6" x14ac:dyDescent="0.3">
      <c r="A31" s="1" t="s">
        <v>4</v>
      </c>
      <c r="B31" s="1" t="s">
        <v>33</v>
      </c>
      <c r="C31" s="1">
        <v>0.05</v>
      </c>
      <c r="D31" s="1">
        <v>457062</v>
      </c>
      <c r="E31" s="1">
        <v>1341</v>
      </c>
      <c r="F31" s="1"/>
    </row>
    <row r="32" spans="1:6" x14ac:dyDescent="0.3">
      <c r="A32" s="1" t="s">
        <v>4</v>
      </c>
      <c r="B32" s="1" t="s">
        <v>34</v>
      </c>
      <c r="C32" s="1">
        <v>0.05</v>
      </c>
      <c r="D32" s="1">
        <v>457065</v>
      </c>
      <c r="E32" s="1">
        <v>2877</v>
      </c>
      <c r="F32" s="1"/>
    </row>
    <row r="33" spans="1:6" x14ac:dyDescent="0.3">
      <c r="A33" s="1" t="s">
        <v>4</v>
      </c>
      <c r="B33" s="1" t="s">
        <v>35</v>
      </c>
      <c r="C33" s="1">
        <v>0.05</v>
      </c>
      <c r="D33" s="1">
        <v>457067</v>
      </c>
      <c r="E33" s="1">
        <v>785</v>
      </c>
      <c r="F33" s="1"/>
    </row>
    <row r="34" spans="1:6" x14ac:dyDescent="0.3">
      <c r="A34" s="1" t="s">
        <v>4</v>
      </c>
      <c r="B34" s="1" t="s">
        <v>36</v>
      </c>
      <c r="C34" s="1">
        <v>0.05</v>
      </c>
      <c r="D34" s="1">
        <v>457070</v>
      </c>
      <c r="E34" s="1">
        <v>2387</v>
      </c>
      <c r="F34" s="1"/>
    </row>
    <row r="35" spans="1:6" x14ac:dyDescent="0.3">
      <c r="A35" s="1" t="s">
        <v>4</v>
      </c>
      <c r="B35" s="1" t="s">
        <v>37</v>
      </c>
      <c r="C35" s="1">
        <v>0.05</v>
      </c>
      <c r="D35" s="1">
        <v>457073</v>
      </c>
      <c r="E35" s="1">
        <v>898</v>
      </c>
      <c r="F35" s="1"/>
    </row>
    <row r="36" spans="1:6" x14ac:dyDescent="0.3">
      <c r="A36" s="1" t="s">
        <v>4</v>
      </c>
      <c r="B36" s="1" t="s">
        <v>38</v>
      </c>
      <c r="C36" s="1">
        <v>0.05</v>
      </c>
      <c r="D36" s="1">
        <v>457075</v>
      </c>
      <c r="E36" s="1">
        <v>1147</v>
      </c>
      <c r="F36" s="1"/>
    </row>
    <row r="37" spans="1:6" x14ac:dyDescent="0.3">
      <c r="A37" s="1" t="s">
        <v>4</v>
      </c>
      <c r="B37" s="1" t="s">
        <v>39</v>
      </c>
      <c r="C37" s="1">
        <v>0.05</v>
      </c>
      <c r="D37" s="1">
        <v>468990</v>
      </c>
      <c r="E37" s="1">
        <v>1285</v>
      </c>
      <c r="F37" s="1"/>
    </row>
    <row r="38" spans="1:6" x14ac:dyDescent="0.3">
      <c r="A38" s="1" t="s">
        <v>4</v>
      </c>
      <c r="B38" s="1" t="s">
        <v>40</v>
      </c>
      <c r="C38" s="1">
        <v>0.05</v>
      </c>
      <c r="D38" s="1">
        <v>457077</v>
      </c>
      <c r="E38" s="1">
        <v>2419</v>
      </c>
      <c r="F38" s="1"/>
    </row>
    <row r="39" spans="1:6" x14ac:dyDescent="0.3">
      <c r="A39" s="1" t="s">
        <v>4</v>
      </c>
      <c r="B39" s="1" t="s">
        <v>41</v>
      </c>
      <c r="C39" s="1">
        <v>0.05</v>
      </c>
      <c r="D39" s="1">
        <v>457079</v>
      </c>
      <c r="E39" s="1">
        <v>1852</v>
      </c>
      <c r="F39" s="1"/>
    </row>
    <row r="40" spans="1:6" x14ac:dyDescent="0.3">
      <c r="A40" s="1" t="s">
        <v>4</v>
      </c>
      <c r="B40" s="1" t="s">
        <v>42</v>
      </c>
      <c r="C40" s="1">
        <v>0.05</v>
      </c>
      <c r="D40" s="1">
        <v>457081</v>
      </c>
      <c r="E40" s="1">
        <v>1135</v>
      </c>
      <c r="F40" s="1"/>
    </row>
    <row r="41" spans="1:6" x14ac:dyDescent="0.3">
      <c r="A41" s="1" t="s">
        <v>4</v>
      </c>
      <c r="B41" s="1" t="s">
        <v>43</v>
      </c>
      <c r="C41" s="1">
        <v>0.05</v>
      </c>
      <c r="D41" s="1">
        <v>468987</v>
      </c>
      <c r="E41" s="1">
        <v>2298</v>
      </c>
      <c r="F41" s="1"/>
    </row>
    <row r="42" spans="1:6" x14ac:dyDescent="0.3">
      <c r="A42" s="1" t="s">
        <v>4</v>
      </c>
      <c r="B42" s="1" t="s">
        <v>44</v>
      </c>
      <c r="C42" s="1">
        <v>0.05</v>
      </c>
      <c r="D42" s="1">
        <v>457086</v>
      </c>
      <c r="E42" s="1">
        <v>921</v>
      </c>
      <c r="F42" s="1"/>
    </row>
    <row r="43" spans="1:6" x14ac:dyDescent="0.3">
      <c r="A43" s="1" t="s">
        <v>4</v>
      </c>
      <c r="B43" s="1" t="s">
        <v>45</v>
      </c>
      <c r="C43" s="1">
        <v>0.05</v>
      </c>
      <c r="D43" s="1">
        <v>457088</v>
      </c>
      <c r="E43" s="1">
        <v>1845</v>
      </c>
      <c r="F43" s="1"/>
    </row>
    <row r="44" spans="1:6" x14ac:dyDescent="0.3">
      <c r="A44" s="1" t="s">
        <v>4</v>
      </c>
      <c r="B44" s="1" t="s">
        <v>46</v>
      </c>
      <c r="C44" s="1">
        <v>0.05</v>
      </c>
      <c r="D44" s="1">
        <v>457091</v>
      </c>
      <c r="E44" s="1">
        <v>1257</v>
      </c>
      <c r="F44" s="1"/>
    </row>
    <row r="45" spans="1:6" x14ac:dyDescent="0.3">
      <c r="A45" s="1" t="s">
        <v>4</v>
      </c>
      <c r="B45" s="1" t="s">
        <v>47</v>
      </c>
      <c r="C45" s="1">
        <v>0.05</v>
      </c>
      <c r="D45" s="1">
        <v>457094</v>
      </c>
      <c r="E45" s="1">
        <v>670</v>
      </c>
      <c r="F45" s="1"/>
    </row>
    <row r="46" spans="1:6" x14ac:dyDescent="0.3">
      <c r="A46" s="1" t="s">
        <v>4</v>
      </c>
      <c r="B46" s="1" t="s">
        <v>48</v>
      </c>
      <c r="C46" s="1">
        <v>0.05</v>
      </c>
      <c r="D46" s="1">
        <v>457098</v>
      </c>
      <c r="E46" s="1">
        <v>3195</v>
      </c>
      <c r="F46" s="1"/>
    </row>
    <row r="47" spans="1:6" x14ac:dyDescent="0.3">
      <c r="A47" s="1" t="s">
        <v>4</v>
      </c>
      <c r="B47" s="1" t="s">
        <v>49</v>
      </c>
      <c r="C47" s="1">
        <v>0.05</v>
      </c>
      <c r="D47" s="1">
        <v>457101</v>
      </c>
      <c r="E47" s="1">
        <v>1505</v>
      </c>
      <c r="F47" s="1"/>
    </row>
    <row r="48" spans="1:6" x14ac:dyDescent="0.3">
      <c r="A48" s="1" t="s">
        <v>4</v>
      </c>
      <c r="B48" s="1" t="s">
        <v>50</v>
      </c>
      <c r="C48" s="1">
        <v>0.05</v>
      </c>
      <c r="D48" s="1">
        <v>457104</v>
      </c>
      <c r="E48" s="1">
        <v>825</v>
      </c>
      <c r="F48" s="1"/>
    </row>
    <row r="49" spans="1:6" x14ac:dyDescent="0.3">
      <c r="A49" s="1" t="s">
        <v>4</v>
      </c>
      <c r="B49" s="1" t="s">
        <v>51</v>
      </c>
      <c r="C49" s="1">
        <v>0.05</v>
      </c>
      <c r="D49" s="1">
        <v>457112</v>
      </c>
      <c r="E49" s="1">
        <v>2871</v>
      </c>
      <c r="F49" s="1"/>
    </row>
  </sheetData>
  <autoFilter ref="A2:E49" xr:uid="{72BF666E-24AC-4ADB-840C-E69D9D11F2BB}"/>
  <mergeCells count="3">
    <mergeCell ref="G3:G6"/>
    <mergeCell ref="H3:H6"/>
    <mergeCell ref="I3:I6"/>
  </mergeCells>
  <pageMargins left="0.7" right="0.7" top="0.75" bottom="0.75" header="0.3" footer="0.3"/>
</worksheet>
</file>

<file path=docMetadata/LabelInfo.xml><?xml version="1.0" encoding="utf-8"?>
<clbl:labelList xmlns:clbl="http://schemas.microsoft.com/office/2020/mipLabelMetadata">
  <clbl:label id="{9dfd1e5e-bb06-40df-8eeb-2a295fe4dda5}" enabled="0" method="" siteId="{9dfd1e5e-bb06-40df-8eeb-2a295fe4dda5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ogol Justyna (WRO)</dc:creator>
  <cp:lastModifiedBy>Domowicz, Jaroslaw (WRO)</cp:lastModifiedBy>
  <dcterms:created xsi:type="dcterms:W3CDTF">2025-11-14T14:03:06Z</dcterms:created>
  <dcterms:modified xsi:type="dcterms:W3CDTF">2025-11-14T15:34:09Z</dcterms:modified>
</cp:coreProperties>
</file>